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3_事業者脱炭素Ｇ\02_中小企業等の支援\05_脱炭素スクール事業\03_広報（脱炭素スクール事業）\07_ホームページ\05_受講者一覧（更新）\"/>
    </mc:Choice>
  </mc:AlternateContent>
  <bookViews>
    <workbookView xWindow="0" yWindow="504" windowWidth="28800" windowHeight="17460"/>
  </bookViews>
  <sheets>
    <sheet name="受講者一覧" sheetId="3" r:id="rId1"/>
  </sheets>
  <definedNames>
    <definedName name="_xlnm._FilterDatabase" localSheetId="0" hidden="1">受講者一覧!$A$3:$D$3</definedName>
  </definedNames>
  <calcPr calcId="162913"/>
</workbook>
</file>

<file path=xl/sharedStrings.xml><?xml version="1.0" encoding="utf-8"?>
<sst xmlns="http://schemas.openxmlformats.org/spreadsheetml/2006/main" count="114" uniqueCount="101">
  <si>
    <t>南開工業株式会社</t>
  </si>
  <si>
    <t>株式会社デコリア</t>
  </si>
  <si>
    <t>湘南電力株式会社</t>
  </si>
  <si>
    <t>有限会社クリオシティ</t>
  </si>
  <si>
    <t>あしがら環境保全株式会社</t>
  </si>
  <si>
    <t>ロジフォワード株式会社</t>
  </si>
  <si>
    <t>薬糧開発株式会社株式会社</t>
  </si>
  <si>
    <t>亀井工業ホールディングス株式会社</t>
  </si>
  <si>
    <t>亀井工業株式会社</t>
  </si>
  <si>
    <t>有限会社高村工業所</t>
  </si>
  <si>
    <t>一般社団法人日本経営士会</t>
  </si>
  <si>
    <t>株式会社プリベンタス</t>
  </si>
  <si>
    <t>横浜建設株式会社</t>
  </si>
  <si>
    <t>吉川海事興業株式会社</t>
  </si>
  <si>
    <t>株式会社ヤマダコーポレーション</t>
  </si>
  <si>
    <t>山岸株式会社</t>
  </si>
  <si>
    <t>Ｔｓｕｔｓｕｉ合同会社</t>
  </si>
  <si>
    <t>富士和電子株式会社</t>
  </si>
  <si>
    <t>上代工業株式会社</t>
  </si>
  <si>
    <t>株式会社タシロ</t>
  </si>
  <si>
    <t>株式会社オオスミ</t>
  </si>
  <si>
    <t>株式会社マキシマム・テクノロジー</t>
  </si>
  <si>
    <t>合資会社あいざわ</t>
  </si>
  <si>
    <t>株式会社テクノ・トランス</t>
  </si>
  <si>
    <t>東横化学株式会社</t>
  </si>
  <si>
    <t>東京ガスエコモ株式会社</t>
  </si>
  <si>
    <t>万葉倶楽部株式会社</t>
    <rPh sb="2" eb="5">
      <t>クラブ</t>
    </rPh>
    <phoneticPr fontId="18"/>
  </si>
  <si>
    <t>湘南物流株式会社</t>
  </si>
  <si>
    <t>タイセーハウジング株式会社</t>
  </si>
  <si>
    <t>横浜製機株式会社</t>
  </si>
  <si>
    <t>日崎工業株式会社</t>
  </si>
  <si>
    <t>株式会社キヨシ商事</t>
    <rPh sb="0" eb="4">
      <t>カブシキガイシャ</t>
    </rPh>
    <rPh sb="7" eb="9">
      <t>ショウジ</t>
    </rPh>
    <phoneticPr fontId="18"/>
  </si>
  <si>
    <t>受講者名</t>
    <rPh sb="0" eb="2">
      <t>ジュコウ</t>
    </rPh>
    <rPh sb="2" eb="3">
      <t>シャ</t>
    </rPh>
    <rPh sb="3" eb="4">
      <t>メイ</t>
    </rPh>
    <phoneticPr fontId="18"/>
  </si>
  <si>
    <t>横浜市金沢区</t>
    <rPh sb="0" eb="3">
      <t>ヨコハマシ</t>
    </rPh>
    <phoneticPr fontId="18"/>
  </si>
  <si>
    <t>厚木市</t>
    <phoneticPr fontId="18"/>
  </si>
  <si>
    <t>相模原市緑区</t>
    <phoneticPr fontId="18"/>
  </si>
  <si>
    <t>横須賀市</t>
    <phoneticPr fontId="18"/>
  </si>
  <si>
    <t>川崎市川崎区</t>
    <phoneticPr fontId="18"/>
  </si>
  <si>
    <t>相模原市中央区</t>
    <phoneticPr fontId="18"/>
  </si>
  <si>
    <t>小田原市</t>
    <phoneticPr fontId="18"/>
  </si>
  <si>
    <t>神奈川県横浜市港南区</t>
    <phoneticPr fontId="18"/>
  </si>
  <si>
    <t>川崎市中原区</t>
    <phoneticPr fontId="18"/>
  </si>
  <si>
    <t>川崎市高津区</t>
    <phoneticPr fontId="18"/>
  </si>
  <si>
    <t>平塚市</t>
    <phoneticPr fontId="18"/>
  </si>
  <si>
    <t>横浜市瀬谷区</t>
    <phoneticPr fontId="18"/>
  </si>
  <si>
    <t>横浜市鶴見区</t>
    <phoneticPr fontId="18"/>
  </si>
  <si>
    <t>鎌倉市</t>
    <phoneticPr fontId="18"/>
  </si>
  <si>
    <t>大和市</t>
    <phoneticPr fontId="18"/>
  </si>
  <si>
    <t>横浜市神奈川区</t>
    <phoneticPr fontId="18"/>
  </si>
  <si>
    <t>中郡二宮町</t>
    <phoneticPr fontId="18"/>
  </si>
  <si>
    <t>横浜市栄区</t>
    <phoneticPr fontId="18"/>
  </si>
  <si>
    <t>茅ヶ崎市</t>
    <phoneticPr fontId="18"/>
  </si>
  <si>
    <t>南足柄市</t>
    <phoneticPr fontId="18"/>
  </si>
  <si>
    <t>横浜市西区</t>
    <phoneticPr fontId="18"/>
  </si>
  <si>
    <t>所在地</t>
    <rPh sb="0" eb="3">
      <t>ショザイチ</t>
    </rPh>
    <phoneticPr fontId="18"/>
  </si>
  <si>
    <t>医療法人社団守成会</t>
    <phoneticPr fontId="18"/>
  </si>
  <si>
    <t>https://www.kiyoshishoji.jp/</t>
    <phoneticPr fontId="18"/>
  </si>
  <si>
    <t>https://www.taise-housing.co.jp/</t>
    <phoneticPr fontId="18"/>
  </si>
  <si>
    <t>http://www.yokosei.co.jp/</t>
    <phoneticPr fontId="18"/>
  </si>
  <si>
    <t>https://www.hizaki.jp/</t>
    <phoneticPr fontId="18"/>
  </si>
  <si>
    <t>https://www.cmkp.co.jp/</t>
    <phoneticPr fontId="18"/>
  </si>
  <si>
    <t>https://www.manyo.co.jp/</t>
  </si>
  <si>
    <t>https://www.tg-ecomo.com/</t>
    <phoneticPr fontId="18"/>
  </si>
  <si>
    <t>http://www.kamishiro.co.jp/</t>
    <phoneticPr fontId="18"/>
  </si>
  <si>
    <t>http://www.tasiro.co.jp/</t>
    <phoneticPr fontId="18"/>
  </si>
  <si>
    <t>https://www.o-smi.co.jp/</t>
    <phoneticPr fontId="18"/>
  </si>
  <si>
    <t>https://www.maximum-tech.co.jp/</t>
    <phoneticPr fontId="18"/>
  </si>
  <si>
    <t>http://www.technotrans.jp/</t>
    <phoneticPr fontId="18"/>
  </si>
  <si>
    <t>https://fujiwa-net.com/</t>
    <phoneticPr fontId="18"/>
  </si>
  <si>
    <t>http://www.hirose-hospital.com/</t>
    <phoneticPr fontId="18"/>
  </si>
  <si>
    <t>https://www.yoshikawa-kaiji.co.jp/</t>
    <phoneticPr fontId="18"/>
  </si>
  <si>
    <t>https://yamadacorp.co.jp/</t>
    <phoneticPr fontId="18"/>
  </si>
  <si>
    <t>https://www.yamagisi.co.jp/index.html</t>
    <phoneticPr fontId="18"/>
  </si>
  <si>
    <t>https://takamura-kg.co.jp/</t>
    <phoneticPr fontId="18"/>
  </si>
  <si>
    <t>https://nihonkeieishikai.com/</t>
    <phoneticPr fontId="18"/>
  </si>
  <si>
    <t>シイエムケイ・プロダクツ株式会社</t>
    <phoneticPr fontId="18"/>
  </si>
  <si>
    <t>https://yokohama-kensetsu.jp/</t>
    <phoneticPr fontId="18"/>
  </si>
  <si>
    <t>https://www.kamei.ne.jp/kamei/</t>
    <phoneticPr fontId="18"/>
  </si>
  <si>
    <t>https://www.kamei.ne.jp/</t>
    <phoneticPr fontId="18"/>
  </si>
  <si>
    <t>https://www.logi-forward.co.jp/</t>
    <phoneticPr fontId="18"/>
  </si>
  <si>
    <t>https://yakuryo.co.jp/</t>
    <phoneticPr fontId="18"/>
  </si>
  <si>
    <t>事業者ホームページ</t>
    <rPh sb="0" eb="3">
      <t>ジギョウシャ</t>
    </rPh>
    <phoneticPr fontId="18"/>
  </si>
  <si>
    <t>https://www.decoria.co.jp/</t>
    <phoneticPr fontId="18"/>
  </si>
  <si>
    <t>https://shonan-power.co.jp/</t>
    <phoneticPr fontId="18"/>
  </si>
  <si>
    <t>https://courio-city.com/</t>
    <phoneticPr fontId="18"/>
  </si>
  <si>
    <t>http://www.shonanl.jp/</t>
    <phoneticPr fontId="18"/>
  </si>
  <si>
    <t>https://www.toyokokagaku.co.jp/</t>
    <phoneticPr fontId="18"/>
  </si>
  <si>
    <t>https://tsutsuiglass.com/</t>
    <phoneticPr fontId="18"/>
  </si>
  <si>
    <t>http://ashigara-env.jp/</t>
    <phoneticPr fontId="18"/>
  </si>
  <si>
    <t>No.</t>
    <phoneticPr fontId="18"/>
  </si>
  <si>
    <t>令和６年度　中小企業向け脱炭素スクール受講者一覧</t>
    <rPh sb="0" eb="2">
      <t>レイワ</t>
    </rPh>
    <rPh sb="3" eb="4">
      <t>ネン</t>
    </rPh>
    <rPh sb="4" eb="5">
      <t>ド</t>
    </rPh>
    <rPh sb="6" eb="8">
      <t>チュウショウ</t>
    </rPh>
    <rPh sb="8" eb="11">
      <t>キギョウム</t>
    </rPh>
    <rPh sb="12" eb="13">
      <t>ダツ</t>
    </rPh>
    <rPh sb="13" eb="15">
      <t>タンソ</t>
    </rPh>
    <rPh sb="19" eb="22">
      <t>ジュコウシャ</t>
    </rPh>
    <rPh sb="22" eb="24">
      <t>イチラン</t>
    </rPh>
    <phoneticPr fontId="18"/>
  </si>
  <si>
    <t>https://www.prevent-us.com/</t>
    <phoneticPr fontId="18"/>
  </si>
  <si>
    <t>https://e-nankai.co.jp/</t>
    <phoneticPr fontId="18"/>
  </si>
  <si>
    <t>http://www.miyuki.ne.jp/</t>
    <phoneticPr fontId="18"/>
  </si>
  <si>
    <t>※１　受講者名は脱炭素スクール申込順に掲載しています。</t>
  </si>
  <si>
    <t>※２　県のホームページに掲載を希望していない受講者については一覧から除いています。</t>
  </si>
  <si>
    <t>※３　令和６年７月30日時点の受講者を掲載しています。</t>
    <rPh sb="3" eb="5">
      <t>レイワ</t>
    </rPh>
    <rPh sb="6" eb="7">
      <t>ネン</t>
    </rPh>
    <rPh sb="8" eb="9">
      <t>ガツ</t>
    </rPh>
    <rPh sb="11" eb="12">
      <t>ニチ</t>
    </rPh>
    <rPh sb="12" eb="14">
      <t>ジテン</t>
    </rPh>
    <rPh sb="15" eb="18">
      <t>ジュコウシャ</t>
    </rPh>
    <rPh sb="19" eb="21">
      <t>ケイサイ</t>
    </rPh>
    <phoneticPr fontId="18"/>
  </si>
  <si>
    <t>株式会社港プレス</t>
    <rPh sb="0" eb="4">
      <t>カブシキガイシャ</t>
    </rPh>
    <rPh sb="4" eb="5">
      <t>ミナト</t>
    </rPh>
    <phoneticPr fontId="18"/>
  </si>
  <si>
    <t>https://minato-press.co.jp/</t>
    <phoneticPr fontId="18"/>
  </si>
  <si>
    <t>平塚市</t>
    <phoneticPr fontId="18"/>
  </si>
  <si>
    <t>令和６年8月20日更新</t>
    <rPh sb="0" eb="2">
      <t>レイワ</t>
    </rPh>
    <rPh sb="3" eb="4">
      <t>ネン</t>
    </rPh>
    <rPh sb="5" eb="6">
      <t>ガツ</t>
    </rPh>
    <rPh sb="8" eb="9">
      <t>ニチ</t>
    </rPh>
    <rPh sb="9" eb="11">
      <t>コウシン</t>
    </rPh>
    <phoneticPr fontId="1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2"/>
      <color theme="1"/>
      <name val="ＭＳ 明朝"/>
      <family val="2"/>
      <charset val="128"/>
    </font>
    <font>
      <sz val="12"/>
      <color theme="1"/>
      <name val="ＭＳ 明朝"/>
      <family val="2"/>
      <charset val="128"/>
    </font>
    <font>
      <sz val="18"/>
      <color theme="3"/>
      <name val="游ゴシック Light"/>
      <family val="2"/>
      <charset val="128"/>
      <scheme val="maj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sz val="12"/>
      <color rgb="FFFF0000"/>
      <name val="ＭＳ 明朝"/>
      <family val="2"/>
      <charset val="128"/>
    </font>
    <font>
      <i/>
      <sz val="12"/>
      <color rgb="FF7F7F7F"/>
      <name val="ＭＳ 明朝"/>
      <family val="2"/>
      <charset val="128"/>
    </font>
    <font>
      <b/>
      <sz val="12"/>
      <color theme="1"/>
      <name val="ＭＳ 明朝"/>
      <family val="2"/>
      <charset val="128"/>
    </font>
    <font>
      <sz val="12"/>
      <color theme="0"/>
      <name val="ＭＳ 明朝"/>
      <family val="2"/>
      <charset val="128"/>
    </font>
    <font>
      <sz val="6"/>
      <name val="ＭＳ 明朝"/>
      <family val="2"/>
      <charset val="128"/>
    </font>
    <font>
      <sz val="16"/>
      <color theme="1"/>
      <name val="メイリオ"/>
      <family val="3"/>
      <charset val="128"/>
    </font>
    <font>
      <sz val="12"/>
      <color theme="1"/>
      <name val="メイリオ"/>
      <family val="3"/>
      <charset val="128"/>
    </font>
    <font>
      <u/>
      <sz val="12"/>
      <color theme="10"/>
      <name val="ＭＳ 明朝"/>
      <family val="2"/>
      <charset val="128"/>
    </font>
    <font>
      <sz val="18"/>
      <color theme="1"/>
      <name val="メイリオ"/>
      <family val="3"/>
      <charset val="128"/>
    </font>
    <font>
      <sz val="16"/>
      <name val="メイリオ"/>
      <family val="2"/>
      <charset val="128"/>
    </font>
    <font>
      <sz val="16"/>
      <name val="メイリオ"/>
      <family val="3"/>
      <charset val="128"/>
    </font>
    <font>
      <sz val="14"/>
      <name val="メイリオ"/>
      <family val="3"/>
      <charset val="128"/>
    </font>
  </fonts>
  <fills count="34">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7" tint="0.79998168889431442"/>
        <bgColor indexed="64"/>
      </patternFill>
    </fill>
  </fills>
  <borders count="26">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dotted">
        <color indexed="64"/>
      </left>
      <right style="dotted">
        <color indexed="64"/>
      </right>
      <top style="dotted">
        <color indexed="64"/>
      </top>
      <bottom style="dotted">
        <color indexed="64"/>
      </bottom>
      <diagonal/>
    </border>
    <border>
      <left style="dotted">
        <color indexed="64"/>
      </left>
      <right style="dotted">
        <color indexed="64"/>
      </right>
      <top/>
      <bottom style="dotted">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diagonal/>
    </border>
    <border>
      <left style="thin">
        <color indexed="64"/>
      </left>
      <right style="medium">
        <color indexed="64"/>
      </right>
      <top/>
      <bottom/>
      <diagonal/>
    </border>
    <border>
      <left style="medium">
        <color indexed="64"/>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dotted">
        <color indexed="64"/>
      </left>
      <right style="medium">
        <color indexed="64"/>
      </right>
      <top style="dotted">
        <color indexed="64"/>
      </top>
      <bottom style="dotted">
        <color indexed="64"/>
      </bottom>
      <diagonal/>
    </border>
    <border>
      <left style="dotted">
        <color indexed="64"/>
      </left>
      <right style="medium">
        <color indexed="64"/>
      </right>
      <top/>
      <bottom style="dotted">
        <color indexed="64"/>
      </bottom>
      <diagonal/>
    </border>
    <border>
      <left style="dotted">
        <color indexed="64"/>
      </left>
      <right style="dotted">
        <color indexed="64"/>
      </right>
      <top style="dotted">
        <color indexed="64"/>
      </top>
      <bottom style="medium">
        <color indexed="64"/>
      </bottom>
      <diagonal/>
    </border>
    <border>
      <left style="dotted">
        <color indexed="64"/>
      </left>
      <right style="medium">
        <color indexed="64"/>
      </right>
      <top style="dotted">
        <color indexed="64"/>
      </top>
      <bottom style="medium">
        <color indexed="64"/>
      </bottom>
      <diagonal/>
    </border>
    <border>
      <left style="medium">
        <color indexed="64"/>
      </left>
      <right style="hair">
        <color indexed="64"/>
      </right>
      <top style="hair">
        <color indexed="64"/>
      </top>
      <bottom style="medium">
        <color indexed="64"/>
      </bottom>
      <diagonal/>
    </border>
  </borders>
  <cellStyleXfs count="43">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xf numFmtId="0" fontId="21" fillId="0" borderId="0" applyNumberFormat="0" applyFill="0" applyBorder="0" applyAlignment="0" applyProtection="0">
      <alignment vertical="center"/>
    </xf>
  </cellStyleXfs>
  <cellXfs count="27">
    <xf numFmtId="0" fontId="0" fillId="0" borderId="0" xfId="0">
      <alignment vertical="center"/>
    </xf>
    <xf numFmtId="0" fontId="0" fillId="0" borderId="0" xfId="0" applyAlignment="1">
      <alignment vertical="center" wrapText="1"/>
    </xf>
    <xf numFmtId="0" fontId="19" fillId="0" borderId="12" xfId="0" applyFont="1" applyBorder="1" applyAlignment="1">
      <alignment vertical="center" wrapText="1"/>
    </xf>
    <xf numFmtId="0" fontId="19" fillId="0" borderId="10" xfId="0" applyFont="1" applyBorder="1" applyAlignment="1">
      <alignment vertical="center" wrapText="1"/>
    </xf>
    <xf numFmtId="0" fontId="19" fillId="0" borderId="11" xfId="0" applyFont="1" applyBorder="1" applyAlignment="1">
      <alignment vertical="center" wrapText="1"/>
    </xf>
    <xf numFmtId="0" fontId="0" fillId="0" borderId="0" xfId="0" applyAlignment="1">
      <alignment horizontal="center" vertical="center"/>
    </xf>
    <xf numFmtId="0" fontId="19" fillId="33" borderId="13" xfId="0" applyFont="1" applyFill="1" applyBorder="1" applyAlignment="1">
      <alignment horizontal="center" vertical="center" wrapText="1"/>
    </xf>
    <xf numFmtId="0" fontId="19" fillId="33" borderId="17" xfId="0" applyFont="1" applyFill="1" applyBorder="1" applyAlignment="1">
      <alignment horizontal="center" vertical="center" wrapText="1"/>
    </xf>
    <xf numFmtId="0" fontId="19" fillId="33" borderId="18" xfId="0" applyFont="1" applyFill="1" applyBorder="1" applyAlignment="1">
      <alignment horizontal="center" vertical="center" wrapText="1"/>
    </xf>
    <xf numFmtId="0" fontId="19" fillId="0" borderId="19" xfId="0" applyFont="1" applyBorder="1" applyAlignment="1">
      <alignment horizontal="center" vertical="center" wrapText="1"/>
    </xf>
    <xf numFmtId="0" fontId="19" fillId="0" borderId="20" xfId="0" applyFont="1" applyBorder="1" applyAlignment="1">
      <alignment vertical="center" wrapText="1"/>
    </xf>
    <xf numFmtId="0" fontId="19" fillId="0" borderId="21" xfId="0" applyFont="1" applyBorder="1" applyAlignment="1">
      <alignment vertical="center" wrapText="1"/>
    </xf>
    <xf numFmtId="0" fontId="19" fillId="0" borderId="22" xfId="0" applyFont="1" applyBorder="1" applyAlignment="1">
      <alignment vertical="center" wrapText="1"/>
    </xf>
    <xf numFmtId="0" fontId="19" fillId="0" borderId="23" xfId="0" applyFont="1" applyBorder="1" applyAlignment="1">
      <alignment vertical="center" wrapText="1"/>
    </xf>
    <xf numFmtId="0" fontId="19" fillId="0" borderId="24" xfId="0" applyFont="1" applyBorder="1" applyAlignment="1">
      <alignment vertical="center" wrapText="1"/>
    </xf>
    <xf numFmtId="0" fontId="20" fillId="0" borderId="0" xfId="0" applyFont="1" applyAlignment="1">
      <alignment horizontal="right" vertical="center"/>
    </xf>
    <xf numFmtId="0" fontId="20" fillId="0" borderId="0" xfId="0" applyFont="1" applyAlignment="1">
      <alignment horizontal="left" vertical="center" wrapText="1"/>
    </xf>
    <xf numFmtId="0" fontId="23" fillId="0" borderId="20" xfId="42" applyFont="1" applyBorder="1" applyAlignment="1">
      <alignment vertical="center" wrapText="1"/>
    </xf>
    <xf numFmtId="0" fontId="24" fillId="0" borderId="12" xfId="0" applyFont="1" applyBorder="1" applyAlignment="1">
      <alignment vertical="center" wrapText="1"/>
    </xf>
    <xf numFmtId="0" fontId="25" fillId="0" borderId="20" xfId="42" applyFont="1" applyBorder="1" applyAlignment="1">
      <alignment vertical="center" wrapText="1"/>
    </xf>
    <xf numFmtId="0" fontId="19" fillId="0" borderId="25" xfId="0" applyFont="1" applyBorder="1" applyAlignment="1">
      <alignment horizontal="center" vertical="center" wrapText="1"/>
    </xf>
    <xf numFmtId="0" fontId="19" fillId="33" borderId="14" xfId="0" applyFont="1" applyFill="1" applyBorder="1" applyAlignment="1">
      <alignment horizontal="center" vertical="center"/>
    </xf>
    <xf numFmtId="0" fontId="19" fillId="33" borderId="15" xfId="0" applyFont="1" applyFill="1" applyBorder="1" applyAlignment="1">
      <alignment horizontal="center" vertical="center"/>
    </xf>
    <xf numFmtId="0" fontId="19" fillId="33" borderId="16" xfId="0" applyFont="1" applyFill="1" applyBorder="1" applyAlignment="1">
      <alignment horizontal="center" vertical="center"/>
    </xf>
    <xf numFmtId="0" fontId="22" fillId="0" borderId="0" xfId="0" applyFont="1" applyAlignment="1">
      <alignment horizontal="left" vertical="center"/>
    </xf>
    <xf numFmtId="0" fontId="24" fillId="0" borderId="19" xfId="0" applyFont="1" applyBorder="1" applyAlignment="1">
      <alignment horizontal="center" vertical="center" wrapText="1"/>
    </xf>
    <xf numFmtId="0" fontId="24" fillId="0" borderId="20" xfId="0" applyFont="1" applyBorder="1" applyAlignment="1">
      <alignment vertical="center" wrapText="1"/>
    </xf>
  </cellXfs>
  <cellStyles count="43">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ハイパーリンク" xfId="42" builtinId="8"/>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良い" xfId="6" builtinId="26" customBuiltin="1"/>
  </cellStyles>
  <dxfs count="0"/>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www.miyuki.ne.jp/" TargetMode="External"/><Relationship Id="rId1" Type="http://schemas.openxmlformats.org/officeDocument/2006/relationships/hyperlink" Target="https://e-nankai.co.jp/"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1"/>
  <sheetViews>
    <sheetView showGridLines="0" tabSelected="1" zoomScale="70" zoomScaleNormal="70" workbookViewId="0">
      <selection activeCell="B22" sqref="B22"/>
    </sheetView>
  </sheetViews>
  <sheetFormatPr defaultColWidth="8.796875" defaultRowHeight="14.4" x14ac:dyDescent="0.2"/>
  <cols>
    <col min="1" max="1" width="9.296875" style="5" customWidth="1"/>
    <col min="2" max="2" width="69.5" customWidth="1"/>
    <col min="3" max="3" width="43.69921875" customWidth="1"/>
    <col min="4" max="4" width="56.296875" customWidth="1"/>
    <col min="5" max="10" width="24.296875" customWidth="1"/>
  </cols>
  <sheetData>
    <row r="1" spans="1:4" ht="19.8" thickBot="1" x14ac:dyDescent="0.25">
      <c r="D1" s="15" t="s">
        <v>100</v>
      </c>
    </row>
    <row r="2" spans="1:4" ht="46.8" customHeight="1" x14ac:dyDescent="0.2">
      <c r="A2" s="21" t="s">
        <v>90</v>
      </c>
      <c r="B2" s="22"/>
      <c r="C2" s="22"/>
      <c r="D2" s="23"/>
    </row>
    <row r="3" spans="1:4" s="1" customFormat="1" ht="46.8" customHeight="1" x14ac:dyDescent="0.2">
      <c r="A3" s="7" t="s">
        <v>89</v>
      </c>
      <c r="B3" s="6" t="s">
        <v>32</v>
      </c>
      <c r="C3" s="6" t="s">
        <v>54</v>
      </c>
      <c r="D3" s="8" t="s">
        <v>81</v>
      </c>
    </row>
    <row r="4" spans="1:4" s="1" customFormat="1" ht="42" customHeight="1" x14ac:dyDescent="0.2">
      <c r="A4" s="9">
        <v>1</v>
      </c>
      <c r="B4" s="2" t="s">
        <v>3</v>
      </c>
      <c r="C4" s="2" t="s">
        <v>53</v>
      </c>
      <c r="D4" s="10" t="s">
        <v>84</v>
      </c>
    </row>
    <row r="5" spans="1:4" s="1" customFormat="1" ht="42" customHeight="1" x14ac:dyDescent="0.2">
      <c r="A5" s="9">
        <v>2</v>
      </c>
      <c r="B5" s="2" t="s">
        <v>2</v>
      </c>
      <c r="C5" s="2" t="s">
        <v>39</v>
      </c>
      <c r="D5" s="10" t="s">
        <v>83</v>
      </c>
    </row>
    <row r="6" spans="1:4" s="1" customFormat="1" ht="42" customHeight="1" x14ac:dyDescent="0.2">
      <c r="A6" s="9">
        <v>3</v>
      </c>
      <c r="B6" s="2" t="s">
        <v>1</v>
      </c>
      <c r="C6" s="2" t="s">
        <v>39</v>
      </c>
      <c r="D6" s="10" t="s">
        <v>82</v>
      </c>
    </row>
    <row r="7" spans="1:4" s="1" customFormat="1" ht="42" customHeight="1" x14ac:dyDescent="0.2">
      <c r="A7" s="9">
        <v>4</v>
      </c>
      <c r="B7" s="2" t="s">
        <v>0</v>
      </c>
      <c r="C7" s="2" t="s">
        <v>52</v>
      </c>
      <c r="D7" s="17" t="s">
        <v>92</v>
      </c>
    </row>
    <row r="8" spans="1:4" s="1" customFormat="1" ht="42" customHeight="1" x14ac:dyDescent="0.2">
      <c r="A8" s="9">
        <v>5</v>
      </c>
      <c r="B8" s="2" t="s">
        <v>6</v>
      </c>
      <c r="C8" s="2" t="s">
        <v>53</v>
      </c>
      <c r="D8" s="10" t="s">
        <v>80</v>
      </c>
    </row>
    <row r="9" spans="1:4" s="1" customFormat="1" ht="42" customHeight="1" x14ac:dyDescent="0.2">
      <c r="A9" s="9">
        <v>6</v>
      </c>
      <c r="B9" s="2" t="s">
        <v>5</v>
      </c>
      <c r="C9" s="2" t="s">
        <v>47</v>
      </c>
      <c r="D9" s="10" t="s">
        <v>79</v>
      </c>
    </row>
    <row r="10" spans="1:4" s="1" customFormat="1" ht="42" customHeight="1" x14ac:dyDescent="0.2">
      <c r="A10" s="9">
        <v>7</v>
      </c>
      <c r="B10" s="2" t="s">
        <v>4</v>
      </c>
      <c r="C10" s="2" t="s">
        <v>52</v>
      </c>
      <c r="D10" s="10" t="s">
        <v>88</v>
      </c>
    </row>
    <row r="11" spans="1:4" s="1" customFormat="1" ht="42" customHeight="1" x14ac:dyDescent="0.2">
      <c r="A11" s="9">
        <v>8</v>
      </c>
      <c r="B11" s="2" t="s">
        <v>8</v>
      </c>
      <c r="C11" s="2" t="s">
        <v>51</v>
      </c>
      <c r="D11" s="10" t="s">
        <v>77</v>
      </c>
    </row>
    <row r="12" spans="1:4" s="1" customFormat="1" ht="42" customHeight="1" x14ac:dyDescent="0.2">
      <c r="A12" s="9">
        <v>9</v>
      </c>
      <c r="B12" s="2" t="s">
        <v>7</v>
      </c>
      <c r="C12" s="2" t="s">
        <v>51</v>
      </c>
      <c r="D12" s="10" t="s">
        <v>78</v>
      </c>
    </row>
    <row r="13" spans="1:4" s="1" customFormat="1" ht="42" customHeight="1" x14ac:dyDescent="0.2">
      <c r="A13" s="9">
        <v>10</v>
      </c>
      <c r="B13" s="2" t="s">
        <v>12</v>
      </c>
      <c r="C13" s="2" t="s">
        <v>50</v>
      </c>
      <c r="D13" s="10" t="s">
        <v>76</v>
      </c>
    </row>
    <row r="14" spans="1:4" s="1" customFormat="1" ht="42" customHeight="1" x14ac:dyDescent="0.2">
      <c r="A14" s="9">
        <v>11</v>
      </c>
      <c r="B14" s="2" t="s">
        <v>11</v>
      </c>
      <c r="C14" s="2" t="s">
        <v>41</v>
      </c>
      <c r="D14" s="10" t="s">
        <v>91</v>
      </c>
    </row>
    <row r="15" spans="1:4" s="1" customFormat="1" ht="42" customHeight="1" x14ac:dyDescent="0.2">
      <c r="A15" s="9">
        <v>12</v>
      </c>
      <c r="B15" s="2" t="s">
        <v>10</v>
      </c>
      <c r="C15" s="2" t="s">
        <v>49</v>
      </c>
      <c r="D15" s="10" t="s">
        <v>74</v>
      </c>
    </row>
    <row r="16" spans="1:4" s="1" customFormat="1" ht="42" customHeight="1" x14ac:dyDescent="0.2">
      <c r="A16" s="9">
        <v>13</v>
      </c>
      <c r="B16" s="2" t="s">
        <v>9</v>
      </c>
      <c r="C16" s="2" t="s">
        <v>47</v>
      </c>
      <c r="D16" s="10" t="s">
        <v>73</v>
      </c>
    </row>
    <row r="17" spans="1:4" s="1" customFormat="1" ht="42" customHeight="1" x14ac:dyDescent="0.2">
      <c r="A17" s="9">
        <v>14</v>
      </c>
      <c r="B17" s="2" t="s">
        <v>15</v>
      </c>
      <c r="C17" s="2" t="s">
        <v>39</v>
      </c>
      <c r="D17" s="10" t="s">
        <v>72</v>
      </c>
    </row>
    <row r="18" spans="1:4" s="1" customFormat="1" ht="46.8" customHeight="1" x14ac:dyDescent="0.2">
      <c r="A18" s="9">
        <v>15</v>
      </c>
      <c r="B18" s="2" t="s">
        <v>14</v>
      </c>
      <c r="C18" s="2" t="s">
        <v>38</v>
      </c>
      <c r="D18" s="10" t="s">
        <v>71</v>
      </c>
    </row>
    <row r="19" spans="1:4" s="1" customFormat="1" ht="46.8" customHeight="1" x14ac:dyDescent="0.2">
      <c r="A19" s="9">
        <v>16</v>
      </c>
      <c r="B19" s="2" t="s">
        <v>13</v>
      </c>
      <c r="C19" s="2" t="s">
        <v>48</v>
      </c>
      <c r="D19" s="10" t="s">
        <v>70</v>
      </c>
    </row>
    <row r="20" spans="1:4" s="1" customFormat="1" ht="46.8" customHeight="1" x14ac:dyDescent="0.2">
      <c r="A20" s="9">
        <v>17</v>
      </c>
      <c r="B20" s="2" t="s">
        <v>16</v>
      </c>
      <c r="C20" s="2" t="s">
        <v>48</v>
      </c>
      <c r="D20" s="10" t="s">
        <v>87</v>
      </c>
    </row>
    <row r="21" spans="1:4" s="1" customFormat="1" ht="46.8" customHeight="1" x14ac:dyDescent="0.2">
      <c r="A21" s="9">
        <v>18</v>
      </c>
      <c r="B21" s="2" t="s">
        <v>55</v>
      </c>
      <c r="C21" s="2" t="s">
        <v>35</v>
      </c>
      <c r="D21" s="10" t="s">
        <v>69</v>
      </c>
    </row>
    <row r="22" spans="1:4" s="1" customFormat="1" ht="46.8" customHeight="1" x14ac:dyDescent="0.2">
      <c r="A22" s="9">
        <v>19</v>
      </c>
      <c r="B22" s="2" t="s">
        <v>17</v>
      </c>
      <c r="C22" s="2" t="s">
        <v>47</v>
      </c>
      <c r="D22" s="10" t="s">
        <v>68</v>
      </c>
    </row>
    <row r="23" spans="1:4" s="1" customFormat="1" ht="46.8" customHeight="1" x14ac:dyDescent="0.2">
      <c r="A23" s="9">
        <v>20</v>
      </c>
      <c r="B23" s="2" t="s">
        <v>23</v>
      </c>
      <c r="C23" s="2" t="s">
        <v>46</v>
      </c>
      <c r="D23" s="10" t="s">
        <v>67</v>
      </c>
    </row>
    <row r="24" spans="1:4" s="1" customFormat="1" ht="46.8" customHeight="1" x14ac:dyDescent="0.2">
      <c r="A24" s="9">
        <v>21</v>
      </c>
      <c r="B24" s="18" t="s">
        <v>22</v>
      </c>
      <c r="C24" s="18" t="s">
        <v>45</v>
      </c>
      <c r="D24" s="19" t="s">
        <v>93</v>
      </c>
    </row>
    <row r="25" spans="1:4" s="1" customFormat="1" ht="46.8" customHeight="1" x14ac:dyDescent="0.2">
      <c r="A25" s="9">
        <v>22</v>
      </c>
      <c r="B25" s="2" t="s">
        <v>21</v>
      </c>
      <c r="C25" s="2" t="s">
        <v>42</v>
      </c>
      <c r="D25" s="10" t="s">
        <v>66</v>
      </c>
    </row>
    <row r="26" spans="1:4" s="1" customFormat="1" ht="46.8" customHeight="1" x14ac:dyDescent="0.2">
      <c r="A26" s="25">
        <v>23</v>
      </c>
      <c r="B26" s="18" t="s">
        <v>97</v>
      </c>
      <c r="C26" s="18" t="s">
        <v>99</v>
      </c>
      <c r="D26" s="26" t="s">
        <v>98</v>
      </c>
    </row>
    <row r="27" spans="1:4" s="1" customFormat="1" ht="46.8" customHeight="1" x14ac:dyDescent="0.2">
      <c r="A27" s="9">
        <v>24</v>
      </c>
      <c r="B27" s="2" t="s">
        <v>20</v>
      </c>
      <c r="C27" s="2" t="s">
        <v>44</v>
      </c>
      <c r="D27" s="10" t="s">
        <v>65</v>
      </c>
    </row>
    <row r="28" spans="1:4" s="1" customFormat="1" ht="46.8" customHeight="1" x14ac:dyDescent="0.2">
      <c r="A28" s="9">
        <v>25</v>
      </c>
      <c r="B28" s="2" t="s">
        <v>19</v>
      </c>
      <c r="C28" s="2" t="s">
        <v>43</v>
      </c>
      <c r="D28" s="10" t="s">
        <v>64</v>
      </c>
    </row>
    <row r="29" spans="1:4" s="1" customFormat="1" ht="46.8" customHeight="1" x14ac:dyDescent="0.2">
      <c r="A29" s="9">
        <v>26</v>
      </c>
      <c r="B29" s="2" t="s">
        <v>18</v>
      </c>
      <c r="C29" s="2" t="s">
        <v>42</v>
      </c>
      <c r="D29" s="10" t="s">
        <v>63</v>
      </c>
    </row>
    <row r="30" spans="1:4" s="1" customFormat="1" ht="46.8" customHeight="1" x14ac:dyDescent="0.2">
      <c r="A30" s="9">
        <v>27</v>
      </c>
      <c r="B30" s="3" t="s">
        <v>24</v>
      </c>
      <c r="C30" s="3" t="s">
        <v>41</v>
      </c>
      <c r="D30" s="11" t="s">
        <v>86</v>
      </c>
    </row>
    <row r="31" spans="1:4" s="1" customFormat="1" ht="46.8" customHeight="1" x14ac:dyDescent="0.2">
      <c r="A31" s="9">
        <v>28</v>
      </c>
      <c r="B31" s="3" t="s">
        <v>25</v>
      </c>
      <c r="C31" s="3" t="s">
        <v>40</v>
      </c>
      <c r="D31" s="11" t="s">
        <v>62</v>
      </c>
    </row>
    <row r="32" spans="1:4" s="1" customFormat="1" ht="46.8" customHeight="1" x14ac:dyDescent="0.2">
      <c r="A32" s="9">
        <v>29</v>
      </c>
      <c r="B32" s="4" t="s">
        <v>26</v>
      </c>
      <c r="C32" s="4" t="s">
        <v>39</v>
      </c>
      <c r="D32" s="12" t="s">
        <v>61</v>
      </c>
    </row>
    <row r="33" spans="1:4" s="1" customFormat="1" ht="46.8" customHeight="1" x14ac:dyDescent="0.2">
      <c r="A33" s="9">
        <v>30</v>
      </c>
      <c r="B33" s="3" t="s">
        <v>75</v>
      </c>
      <c r="C33" s="3" t="s">
        <v>38</v>
      </c>
      <c r="D33" s="11" t="s">
        <v>60</v>
      </c>
    </row>
    <row r="34" spans="1:4" s="1" customFormat="1" ht="46.8" customHeight="1" x14ac:dyDescent="0.2">
      <c r="A34" s="9">
        <v>31</v>
      </c>
      <c r="B34" s="3" t="s">
        <v>30</v>
      </c>
      <c r="C34" s="3" t="s">
        <v>37</v>
      </c>
      <c r="D34" s="11" t="s">
        <v>59</v>
      </c>
    </row>
    <row r="35" spans="1:4" s="1" customFormat="1" ht="46.8" customHeight="1" x14ac:dyDescent="0.2">
      <c r="A35" s="9">
        <v>32</v>
      </c>
      <c r="B35" s="3" t="s">
        <v>29</v>
      </c>
      <c r="C35" s="3" t="s">
        <v>36</v>
      </c>
      <c r="D35" s="11" t="s">
        <v>58</v>
      </c>
    </row>
    <row r="36" spans="1:4" s="1" customFormat="1" ht="46.8" customHeight="1" x14ac:dyDescent="0.2">
      <c r="A36" s="9">
        <v>33</v>
      </c>
      <c r="B36" s="3" t="s">
        <v>28</v>
      </c>
      <c r="C36" s="3" t="s">
        <v>34</v>
      </c>
      <c r="D36" s="11" t="s">
        <v>57</v>
      </c>
    </row>
    <row r="37" spans="1:4" s="1" customFormat="1" ht="46.8" customHeight="1" x14ac:dyDescent="0.2">
      <c r="A37" s="9">
        <v>34</v>
      </c>
      <c r="B37" s="3" t="s">
        <v>27</v>
      </c>
      <c r="C37" s="3" t="s">
        <v>34</v>
      </c>
      <c r="D37" s="11" t="s">
        <v>85</v>
      </c>
    </row>
    <row r="38" spans="1:4" s="1" customFormat="1" ht="46.8" customHeight="1" thickBot="1" x14ac:dyDescent="0.25">
      <c r="A38" s="20">
        <v>35</v>
      </c>
      <c r="B38" s="13" t="s">
        <v>31</v>
      </c>
      <c r="C38" s="13" t="s">
        <v>33</v>
      </c>
      <c r="D38" s="14" t="s">
        <v>56</v>
      </c>
    </row>
    <row r="39" spans="1:4" s="1" customFormat="1" ht="28.2" customHeight="1" x14ac:dyDescent="0.2">
      <c r="A39" s="24" t="s">
        <v>94</v>
      </c>
      <c r="B39" s="24"/>
      <c r="C39" s="24"/>
      <c r="D39" s="16"/>
    </row>
    <row r="40" spans="1:4" ht="28.2" customHeight="1" x14ac:dyDescent="0.2">
      <c r="A40" s="24" t="s">
        <v>95</v>
      </c>
      <c r="B40" s="24"/>
      <c r="C40" s="24"/>
      <c r="D40" s="16"/>
    </row>
    <row r="41" spans="1:4" ht="28.8" x14ac:dyDescent="0.2">
      <c r="A41" s="24" t="s">
        <v>96</v>
      </c>
      <c r="B41" s="24"/>
      <c r="C41" s="24"/>
    </row>
  </sheetData>
  <autoFilter ref="A3:D3"/>
  <mergeCells count="4">
    <mergeCell ref="A2:D2"/>
    <mergeCell ref="A39:C39"/>
    <mergeCell ref="A40:C40"/>
    <mergeCell ref="A41:C41"/>
  </mergeCells>
  <phoneticPr fontId="18"/>
  <hyperlinks>
    <hyperlink ref="D7" r:id="rId1"/>
    <hyperlink ref="D24" r:id="rId2"/>
  </hyperlinks>
  <pageMargins left="0.25" right="0.25" top="0.75" bottom="0.75" header="0.3" footer="0.3"/>
  <pageSetup paperSize="9" scale="16" fitToHeight="0" orientation="portrait"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受講者一覧</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慶野 太一</dc:creator>
  <cp:lastModifiedBy>user</cp:lastModifiedBy>
  <cp:lastPrinted>2024-07-16T01:15:56Z</cp:lastPrinted>
  <dcterms:created xsi:type="dcterms:W3CDTF">2024-05-07T00:10:51Z</dcterms:created>
  <dcterms:modified xsi:type="dcterms:W3CDTF">2024-08-20T07:21:05Z</dcterms:modified>
</cp:coreProperties>
</file>